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dans notre feuille de calcul.</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du formulaire", qui est facultatif mais utile dans de nombreuses circonstances. Le nom du formulaire est ce que les utilisateurs verront lorsqu'ils saisiront des données dans le formulaire de saisie. Par exemple, si nous utilisons Première visite CPN comme nom de formulaire, les utilisateurs verront ce nom au lieu de Première visite CPN RMNCAH.</a:t>
            </a:r>
          </a:p>
          <a:p>
            <a:endParaRPr dirty="0" lang="en-US" noProof="0"/>
          </a:p>
          <a:p txid="3aeb30f1c1a6f171e573448cea7468bd">
            <a:r>
              <a:rPr dirty="0" lang="en-US" noProof="0"/>
              <a:t>Le nom du formulaire peut permettre à l'utilisateur qui saisit les données de savoir plus facilement à quoi sert le champ. Après le nom du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aptur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apture des données tracker,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visites de CPN,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